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pPr w:leftFromText="141" w:rightFromText="141" w:vertAnchor="page" w:horzAnchor="margin" w:tblpY="2016"/>
        <w:tblW w:w="788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590"/>
        <w:gridCol w:w="2377"/>
        <w:gridCol w:w="979"/>
        <w:gridCol w:w="1934"/>
      </w:tblGrid>
      <w:tr w:rsidR="00355CC4" w:rsidRPr="00355CC4" w14:paraId="3CB1CADB" w14:textId="77777777" w:rsidTr="00355CC4">
        <w:trPr>
          <w:trHeight w:val="288"/>
        </w:trPr>
        <w:tc>
          <w:tcPr>
            <w:tcW w:w="2590" w:type="dxa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7BFD2350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Naam</w:t>
            </w:r>
          </w:p>
        </w:tc>
        <w:tc>
          <w:tcPr>
            <w:tcW w:w="2377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3940C01B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Straat</w:t>
            </w:r>
          </w:p>
        </w:tc>
        <w:tc>
          <w:tcPr>
            <w:tcW w:w="979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04169205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Postcode</w:t>
            </w:r>
          </w:p>
        </w:tc>
        <w:tc>
          <w:tcPr>
            <w:tcW w:w="1934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70EC84DB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Plaats</w:t>
            </w:r>
          </w:p>
        </w:tc>
      </w:tr>
      <w:tr w:rsidR="00355CC4" w:rsidRPr="00355CC4" w14:paraId="4A7FDB8A" w14:textId="77777777" w:rsidTr="00355CC4">
        <w:trPr>
          <w:trHeight w:val="564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BC012CC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Waterschap Vallei en Veluwe Hoofdkantoor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29DCA6A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Steenbokstraat </w:t>
            </w:r>
            <w:proofErr w:type="gram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10 /</w:t>
            </w:r>
            <w:proofErr w:type="gram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21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A6B281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7324 AX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BEDBD3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Apeldoorn</w:t>
            </w:r>
          </w:p>
        </w:tc>
      </w:tr>
      <w:tr w:rsidR="00355CC4" w:rsidRPr="00355CC4" w14:paraId="5E8CF1B5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1615B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Bennekom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84B4254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Dr. W. Dreeslaan 1 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A3C633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6721 ND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9B7E304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ennekom</w:t>
            </w:r>
          </w:p>
        </w:tc>
      </w:tr>
      <w:tr w:rsidR="00355CC4" w:rsidRPr="00355CC4" w14:paraId="2B65D02D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21A41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RWZI Amersfoort 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5A1D3F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Neon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3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C4C6B24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812 RH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AB70C7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Amersfoort</w:t>
            </w:r>
          </w:p>
        </w:tc>
      </w:tr>
      <w:tr w:rsidR="00355CC4" w:rsidRPr="00355CC4" w14:paraId="377E6A19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BF028DC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Heerde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75C69F2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Postweg 39 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F5943A7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8181 VK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E85363B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eerde</w:t>
            </w:r>
          </w:p>
        </w:tc>
      </w:tr>
      <w:tr w:rsidR="00355CC4" w:rsidRPr="00355CC4" w14:paraId="66185150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7B913C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Veenendaal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2398DB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Slaperdijk 2a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4FDA08F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3959 AL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1055EF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Overberg</w:t>
            </w:r>
          </w:p>
        </w:tc>
      </w:tr>
      <w:tr w:rsidR="00355CC4" w:rsidRPr="00355CC4" w14:paraId="720FB8BF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DF45D60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Brummen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2AF1A9F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rummense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Bandijk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29D0B1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-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DBE8C0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rummen</w:t>
            </w:r>
          </w:p>
        </w:tc>
      </w:tr>
      <w:tr w:rsidR="00355CC4" w:rsidRPr="00355CC4" w14:paraId="23FBCC99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2F690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Epe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5DE06B2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ammerstraat 4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1B38E85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8161 PH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6F2C1A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Epe</w:t>
            </w:r>
          </w:p>
        </w:tc>
      </w:tr>
      <w:tr w:rsidR="00355CC4" w:rsidRPr="00355CC4" w14:paraId="26B89942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DE4CA5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Woudenberg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D32833C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Zeghe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38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5E1474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931 MR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E7918C9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Woudenberg</w:t>
            </w:r>
          </w:p>
        </w:tc>
      </w:tr>
      <w:tr w:rsidR="00355CC4" w:rsidRPr="00355CC4" w14:paraId="53ECED26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2DC425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Apeldoorn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E98A0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Stadhoudersmolen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4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861E00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7317 AX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DDC3514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Apeldoorn</w:t>
            </w:r>
          </w:p>
        </w:tc>
      </w:tr>
      <w:tr w:rsidR="00355CC4" w:rsidRPr="00355CC4" w14:paraId="18B62424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3529D1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Elburg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360CCA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Industriestraat 31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398DC78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8081 HH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A4EB658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Elburg</w:t>
            </w:r>
          </w:p>
        </w:tc>
      </w:tr>
      <w:tr w:rsidR="00355CC4" w:rsidRPr="00355CC4" w14:paraId="455A053A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E95283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Soest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B345CC2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Maat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1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2D760B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761 EH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BA5DE9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Soest</w:t>
            </w:r>
          </w:p>
        </w:tc>
      </w:tr>
      <w:tr w:rsidR="00355CC4" w:rsidRPr="00355CC4" w14:paraId="751958B7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9876AE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Nijkerk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B1CB17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Watergoor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69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D075F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861 RH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49B7B5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Nijkerk</w:t>
            </w:r>
          </w:p>
        </w:tc>
      </w:tr>
      <w:tr w:rsidR="00355CC4" w:rsidRPr="00355CC4" w14:paraId="20DBED03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86D6CFF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Harderwijk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8FB710A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Lorentzstraat 5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12C76E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3846 AV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1D9854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arderwijk</w:t>
            </w:r>
          </w:p>
        </w:tc>
      </w:tr>
      <w:tr w:rsidR="00355CC4" w:rsidRPr="00355CC4" w14:paraId="72831D65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020403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Renkum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4D4E2F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okkedijk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2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0BD3BB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6871 AX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6A99342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enkum</w:t>
            </w:r>
          </w:p>
        </w:tc>
      </w:tr>
      <w:tr w:rsidR="00355CC4" w:rsidRPr="00355CC4" w14:paraId="4AA2B6B3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B0BA467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Terwolde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8AECED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Bandijk 3 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543177A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7396 NB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9E894D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Terwolde</w:t>
            </w:r>
          </w:p>
        </w:tc>
      </w:tr>
      <w:tr w:rsidR="00355CC4" w:rsidRPr="00355CC4" w14:paraId="7922C20E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F47CC8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Hattem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7DB579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ilsdijk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106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1A7D4C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8051 KE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E9A866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attem</w:t>
            </w:r>
          </w:p>
        </w:tc>
      </w:tr>
      <w:tr w:rsidR="00355CC4" w:rsidRPr="00355CC4" w14:paraId="358DC589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57B8C78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Ede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FC8BB5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Dwarsweg 5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2C72FE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 xml:space="preserve">6715 AT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E866997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Ede</w:t>
            </w:r>
          </w:p>
        </w:tc>
      </w:tr>
    </w:tbl>
    <w:p w14:paraId="2B9CEB60" w14:textId="51E6930A" w:rsidR="009B35CE" w:rsidRPr="009B35CE" w:rsidRDefault="00291FBF" w:rsidP="00355CC4">
      <w:pPr>
        <w:pStyle w:val="Kop1"/>
      </w:pPr>
      <w:r w:rsidRPr="00291FBF">
        <w:t>Locaties</w:t>
      </w:r>
      <w:r w:rsidR="00355CC4">
        <w:t xml:space="preserve"> </w:t>
      </w:r>
      <w:r w:rsidR="007F430C">
        <w:t>W</w:t>
      </w:r>
      <w:r w:rsidR="004864D9">
        <w:t xml:space="preserve">aterschap Vallei en Veluwe </w:t>
      </w:r>
    </w:p>
    <w:sectPr w:rsidR="009B35CE" w:rsidRPr="009B35CE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7EC3DBD" w14:textId="77777777" w:rsidR="0099470D" w:rsidRDefault="0099470D" w:rsidP="00291FBF">
      <w:pPr>
        <w:spacing w:after="0" w:line="240" w:lineRule="auto"/>
      </w:pPr>
      <w:r>
        <w:separator/>
      </w:r>
    </w:p>
  </w:endnote>
  <w:endnote w:type="continuationSeparator" w:id="0">
    <w:p w14:paraId="332BB15B" w14:textId="77777777" w:rsidR="0099470D" w:rsidRDefault="0099470D" w:rsidP="00291FBF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677961E" w14:textId="77777777" w:rsidR="0099470D" w:rsidRDefault="0099470D" w:rsidP="00291FBF">
      <w:pPr>
        <w:spacing w:after="0" w:line="240" w:lineRule="auto"/>
      </w:pPr>
      <w:r>
        <w:separator/>
      </w:r>
    </w:p>
  </w:footnote>
  <w:footnote w:type="continuationSeparator" w:id="0">
    <w:p w14:paraId="481545C4" w14:textId="77777777" w:rsidR="0099470D" w:rsidRDefault="0099470D" w:rsidP="00291FBF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48A22932"/>
    <w:multiLevelType w:val="hybridMultilevel"/>
    <w:tmpl w:val="9D1E141E"/>
    <w:lvl w:ilvl="0" w:tplc="6208308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  <w:i w:val="0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96030174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96843"/>
    <w:rsid w:val="00033DC0"/>
    <w:rsid w:val="000A255C"/>
    <w:rsid w:val="001134BF"/>
    <w:rsid w:val="00196843"/>
    <w:rsid w:val="001A2646"/>
    <w:rsid w:val="002360C9"/>
    <w:rsid w:val="00291FBF"/>
    <w:rsid w:val="00355CC4"/>
    <w:rsid w:val="003A522A"/>
    <w:rsid w:val="004864D9"/>
    <w:rsid w:val="004D737D"/>
    <w:rsid w:val="00563F65"/>
    <w:rsid w:val="005E35BE"/>
    <w:rsid w:val="006A0813"/>
    <w:rsid w:val="007B7EA2"/>
    <w:rsid w:val="007F430C"/>
    <w:rsid w:val="008113D0"/>
    <w:rsid w:val="00833121"/>
    <w:rsid w:val="008D20C0"/>
    <w:rsid w:val="00905E69"/>
    <w:rsid w:val="0099470D"/>
    <w:rsid w:val="009B35CE"/>
    <w:rsid w:val="00C2111F"/>
    <w:rsid w:val="00CB16CF"/>
    <w:rsid w:val="00E5117D"/>
    <w:rsid w:val="00F36AA4"/>
    <w:rsid w:val="00FC31A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172013A"/>
  <w15:docId w15:val="{C3D826C5-AF20-4994-97EF-2A84D710AC7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291FBF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Tabelraster">
    <w:name w:val="Table Grid"/>
    <w:basedOn w:val="Standaardtabel"/>
    <w:uiPriority w:val="39"/>
    <w:rsid w:val="0019684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291FBF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291FBF"/>
  </w:style>
  <w:style w:type="paragraph" w:styleId="Voettekst">
    <w:name w:val="footer"/>
    <w:basedOn w:val="Standaard"/>
    <w:link w:val="VoettekstChar"/>
    <w:uiPriority w:val="99"/>
    <w:unhideWhenUsed/>
    <w:rsid w:val="00291FBF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291FBF"/>
  </w:style>
  <w:style w:type="character" w:customStyle="1" w:styleId="Kop1Char">
    <w:name w:val="Kop 1 Char"/>
    <w:basedOn w:val="Standaardalinea-lettertype"/>
    <w:link w:val="Kop1"/>
    <w:uiPriority w:val="9"/>
    <w:rsid w:val="00291FBF"/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styleId="Hyperlink">
    <w:name w:val="Hyperlink"/>
    <w:basedOn w:val="Standaardalinea-lettertype"/>
    <w:uiPriority w:val="99"/>
    <w:unhideWhenUsed/>
    <w:rsid w:val="007F430C"/>
    <w:rPr>
      <w:color w:val="0563C1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7F430C"/>
    <w:rPr>
      <w:color w:val="605E5C"/>
      <w:shd w:val="clear" w:color="auto" w:fill="E1DFDD"/>
    </w:rPr>
  </w:style>
  <w:style w:type="paragraph" w:styleId="Lijstalinea">
    <w:name w:val="List Paragraph"/>
    <w:basedOn w:val="Standaard"/>
    <w:uiPriority w:val="34"/>
    <w:qFormat/>
    <w:rsid w:val="007F430C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017641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998305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582028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850407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ateeuwisse\Temp\Templafy\WordVsto\nlq0a1rm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D2BE9A1-EDA7-4632-AF65-186776467EA7}">
  <ds:schemaRefs/>
</ds:datastoreItem>
</file>

<file path=customXml/itemProps2.xml><?xml version="1.0" encoding="utf-8"?>
<ds:datastoreItem xmlns:ds="http://schemas.openxmlformats.org/officeDocument/2006/customXml" ds:itemID="{6D1E3FBF-44FF-4B69-A5E2-C4F9E6E8DDA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lq0a1rm</Template>
  <TotalTime>6</TotalTime>
  <Pages>1</Pages>
  <Words>133</Words>
  <Characters>736</Characters>
  <Application>Microsoft Office Word</Application>
  <DocSecurity>0</DocSecurity>
  <Lines>6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teeuwisse@vallei-veluwe.nl</dc:creator>
  <cp:keywords/>
  <dc:description/>
  <cp:lastModifiedBy>Habekotté, Wilco</cp:lastModifiedBy>
  <cp:revision>3</cp:revision>
  <dcterms:created xsi:type="dcterms:W3CDTF">2026-03-06T10:37:00Z</dcterms:created>
  <dcterms:modified xsi:type="dcterms:W3CDTF">2026-04-17T09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wsvv</vt:lpwstr>
  </property>
  <property fmtid="{D5CDD505-2E9C-101B-9397-08002B2CF9AE}" pid="3" name="TemplafyTemplateId">
    <vt:lpwstr>637939204912552356</vt:lpwstr>
  </property>
  <property fmtid="{D5CDD505-2E9C-101B-9397-08002B2CF9AE}" pid="4" name="TemplafyUserProfileId">
    <vt:lpwstr>638108564823108794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